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統計書2021(R3)\02完了分\第3章 農業・漁業\02公表用（改定有）\"/>
    </mc:Choice>
  </mc:AlternateContent>
  <xr:revisionPtr revIDLastSave="0" documentId="13_ncr:1_{B31E00EE-853B-4AD9-84AC-52A20FEB4DDC}" xr6:coauthVersionLast="44" xr6:coauthVersionMax="44" xr10:uidLastSave="{00000000-0000-0000-0000-000000000000}"/>
  <bookViews>
    <workbookView xWindow="-108" yWindow="-108" windowWidth="23256" windowHeight="12576" xr2:uid="{00000000-000D-0000-FFFF-FFFF00000000}"/>
  </bookViews>
  <sheets>
    <sheet name="２－２　経営組織別経営体数・漁船・海上作業従事者数" sheetId="1" r:id="rId1"/>
  </sheets>
  <definedNames>
    <definedName name="_xlnm.Print_Area" localSheetId="0">'２－２　経営組織別経営体数・漁船・海上作業従事者数'!$A$1:$N$43</definedName>
    <definedName name="_xlnm.Print_Titles" localSheetId="0">'２－２　経営組織別経営体数・漁船・海上作業従事者数'!$1:$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101" uniqueCount="46">
  <si>
    <t>※海上作業従事者：2003年（平成15年）までは最盛期の従事者数。2008年（平成20年）以降は１１月１日現在の従事者数とする。</t>
    <rPh sb="1" eb="3">
      <t>カイジョウ</t>
    </rPh>
    <rPh sb="3" eb="5">
      <t>サギョウ</t>
    </rPh>
    <rPh sb="5" eb="8">
      <t>ジュウジシャ</t>
    </rPh>
    <rPh sb="13" eb="14">
      <t>ネン</t>
    </rPh>
    <rPh sb="15" eb="17">
      <t>ｈ</t>
    </rPh>
    <rPh sb="19" eb="20">
      <t>ネン</t>
    </rPh>
    <rPh sb="24" eb="27">
      <t>サイセイキ</t>
    </rPh>
    <rPh sb="28" eb="31">
      <t>ジュウジシャ</t>
    </rPh>
    <rPh sb="31" eb="32">
      <t>スウ</t>
    </rPh>
    <rPh sb="37" eb="38">
      <t>ネン</t>
    </rPh>
    <rPh sb="39" eb="41">
      <t>ヘイセイ</t>
    </rPh>
    <rPh sb="43" eb="44">
      <t>ネン</t>
    </rPh>
    <rPh sb="45" eb="47">
      <t>イコウ</t>
    </rPh>
    <rPh sb="50" eb="51">
      <t>ガツ</t>
    </rPh>
    <rPh sb="52" eb="55">
      <t>ニチゲンザイ</t>
    </rPh>
    <rPh sb="56" eb="59">
      <t>ジュウジシャ</t>
    </rPh>
    <rPh sb="59" eb="60">
      <t>スウ</t>
    </rPh>
    <phoneticPr fontId="4"/>
  </si>
  <si>
    <t>-</t>
    <phoneticPr fontId="4"/>
  </si>
  <si>
    <t>浜益区</t>
    <rPh sb="0" eb="2">
      <t>ｈ</t>
    </rPh>
    <rPh sb="2" eb="3">
      <t>ク</t>
    </rPh>
    <phoneticPr fontId="4"/>
  </si>
  <si>
    <t>-</t>
    <phoneticPr fontId="4"/>
  </si>
  <si>
    <t>-</t>
    <phoneticPr fontId="4"/>
  </si>
  <si>
    <t>厚田区</t>
    <rPh sb="0" eb="2">
      <t>ア</t>
    </rPh>
    <rPh sb="2" eb="3">
      <t>ク</t>
    </rPh>
    <phoneticPr fontId="4"/>
  </si>
  <si>
    <t>石狩地区</t>
    <rPh sb="0" eb="1">
      <t>イシ</t>
    </rPh>
    <rPh sb="1" eb="2">
      <t>カリ</t>
    </rPh>
    <rPh sb="2" eb="4">
      <t>チク</t>
    </rPh>
    <phoneticPr fontId="4"/>
  </si>
  <si>
    <t>平成25年</t>
    <rPh sb="0" eb="2">
      <t>ｈ</t>
    </rPh>
    <rPh sb="4" eb="5">
      <t>ネン</t>
    </rPh>
    <phoneticPr fontId="4"/>
  </si>
  <si>
    <t>平成20年</t>
    <rPh sb="0" eb="2">
      <t>ｈ</t>
    </rPh>
    <rPh sb="4" eb="5">
      <t>ネン</t>
    </rPh>
    <phoneticPr fontId="4"/>
  </si>
  <si>
    <t>浜益村</t>
    <rPh sb="0" eb="2">
      <t>ｈ</t>
    </rPh>
    <rPh sb="2" eb="3">
      <t>ムラ</t>
    </rPh>
    <phoneticPr fontId="4"/>
  </si>
  <si>
    <t>厚田村</t>
    <rPh sb="0" eb="2">
      <t>ア</t>
    </rPh>
    <rPh sb="2" eb="3">
      <t>ムラ</t>
    </rPh>
    <phoneticPr fontId="4"/>
  </si>
  <si>
    <t>　　　-</t>
    <phoneticPr fontId="4"/>
  </si>
  <si>
    <t>石狩市</t>
    <rPh sb="0" eb="3">
      <t>イ</t>
    </rPh>
    <phoneticPr fontId="4"/>
  </si>
  <si>
    <t>平成15年</t>
    <rPh sb="0" eb="2">
      <t>ｈ</t>
    </rPh>
    <rPh sb="4" eb="5">
      <t>ネン</t>
    </rPh>
    <phoneticPr fontId="4"/>
  </si>
  <si>
    <t>-</t>
    <phoneticPr fontId="4"/>
  </si>
  <si>
    <t>平成10年</t>
    <rPh sb="0" eb="2">
      <t>ｈ</t>
    </rPh>
    <rPh sb="4" eb="5">
      <t>ネン</t>
    </rPh>
    <phoneticPr fontId="4"/>
  </si>
  <si>
    <t>石狩町</t>
    <rPh sb="0" eb="2">
      <t>イシカリ</t>
    </rPh>
    <rPh sb="2" eb="3">
      <t>マチ</t>
    </rPh>
    <phoneticPr fontId="4"/>
  </si>
  <si>
    <t>平成 5年</t>
    <rPh sb="0" eb="2">
      <t>ｈ</t>
    </rPh>
    <rPh sb="4" eb="5">
      <t>ネン</t>
    </rPh>
    <phoneticPr fontId="4"/>
  </si>
  <si>
    <t>昭和63年</t>
    <rPh sb="0" eb="2">
      <t>ｓ</t>
    </rPh>
    <phoneticPr fontId="4"/>
  </si>
  <si>
    <t>昭和58年</t>
    <rPh sb="0" eb="2">
      <t>ショウワ</t>
    </rPh>
    <phoneticPr fontId="4"/>
  </si>
  <si>
    <t>昭和53年</t>
    <rPh sb="0" eb="2">
      <t>ショウワ</t>
    </rPh>
    <phoneticPr fontId="4"/>
  </si>
  <si>
    <t>昭和48年</t>
    <rPh sb="0" eb="2">
      <t>ショウワ</t>
    </rPh>
    <phoneticPr fontId="4"/>
  </si>
  <si>
    <t>昭和43年</t>
    <rPh sb="0" eb="2">
      <t>ショウワ</t>
    </rPh>
    <phoneticPr fontId="4"/>
  </si>
  <si>
    <t>昭和38年</t>
    <rPh sb="0" eb="2">
      <t>ショウワ</t>
    </rPh>
    <phoneticPr fontId="4"/>
  </si>
  <si>
    <t>馬力数</t>
    <rPh sb="0" eb="2">
      <t>バリキ</t>
    </rPh>
    <rPh sb="2" eb="3">
      <t>スウ</t>
    </rPh>
    <phoneticPr fontId="4"/>
  </si>
  <si>
    <t>トン数</t>
    <rPh sb="0" eb="3">
      <t>トンスウ</t>
    </rPh>
    <phoneticPr fontId="4"/>
  </si>
  <si>
    <t>隻数</t>
    <rPh sb="0" eb="1">
      <t>セキ</t>
    </rPh>
    <rPh sb="1" eb="2">
      <t>スウ</t>
    </rPh>
    <phoneticPr fontId="4"/>
  </si>
  <si>
    <t>雇用者</t>
    <rPh sb="0" eb="3">
      <t>コヨウシャ</t>
    </rPh>
    <phoneticPr fontId="4"/>
  </si>
  <si>
    <t>家　族</t>
    <rPh sb="0" eb="3">
      <t>カゾク</t>
    </rPh>
    <phoneticPr fontId="4"/>
  </si>
  <si>
    <t>総　数</t>
    <rPh sb="0" eb="3">
      <t>ソウスウ</t>
    </rPh>
    <phoneticPr fontId="4"/>
  </si>
  <si>
    <t>動力船</t>
    <rPh sb="0" eb="3">
      <t>ドウリョクセン</t>
    </rPh>
    <phoneticPr fontId="4"/>
  </si>
  <si>
    <t>船外機付
船隻数</t>
    <rPh sb="0" eb="3">
      <t>センガイキ</t>
    </rPh>
    <rPh sb="3" eb="4">
      <t>ツキ</t>
    </rPh>
    <phoneticPr fontId="4"/>
  </si>
  <si>
    <t>無動力
船隻数</t>
    <rPh sb="0" eb="3">
      <t>ムドウリョク</t>
    </rPh>
    <phoneticPr fontId="4"/>
  </si>
  <si>
    <t>団　体</t>
    <rPh sb="0" eb="3">
      <t>ダンタイ</t>
    </rPh>
    <phoneticPr fontId="4"/>
  </si>
  <si>
    <t>個　人</t>
    <rPh sb="0" eb="3">
      <t>コジン</t>
    </rPh>
    <phoneticPr fontId="4"/>
  </si>
  <si>
    <t>海上作業従事者（人）</t>
    <rPh sb="0" eb="2">
      <t>カイジョウ</t>
    </rPh>
    <rPh sb="2" eb="4">
      <t>サギョウ</t>
    </rPh>
    <rPh sb="4" eb="7">
      <t>ジュウジシャ</t>
    </rPh>
    <phoneticPr fontId="4"/>
  </si>
  <si>
    <t>漁　　　　　　船</t>
    <rPh sb="0" eb="8">
      <t>ギョセン</t>
    </rPh>
    <phoneticPr fontId="4"/>
  </si>
  <si>
    <t>経　営　体　数</t>
    <rPh sb="0" eb="3">
      <t>ケイエイ</t>
    </rPh>
    <rPh sb="4" eb="5">
      <t>タイ</t>
    </rPh>
    <rPh sb="6" eb="7">
      <t>スウ</t>
    </rPh>
    <phoneticPr fontId="4"/>
  </si>
  <si>
    <t>地区</t>
    <rPh sb="0" eb="2">
      <t>チク</t>
    </rPh>
    <phoneticPr fontId="4"/>
  </si>
  <si>
    <t>和歴</t>
    <rPh sb="0" eb="1">
      <t>ワ</t>
    </rPh>
    <rPh sb="1" eb="2">
      <t>レキ</t>
    </rPh>
    <phoneticPr fontId="4"/>
  </si>
  <si>
    <t>西暦</t>
    <rPh sb="0" eb="2">
      <t>セイレキ</t>
    </rPh>
    <phoneticPr fontId="4"/>
  </si>
  <si>
    <t>（各年１１月１日現在　単位：経営体・隻・トン・ＰＳ）</t>
    <rPh sb="1" eb="3">
      <t>カクネン</t>
    </rPh>
    <rPh sb="5" eb="6">
      <t>ガツ</t>
    </rPh>
    <rPh sb="7" eb="8">
      <t>ニチ</t>
    </rPh>
    <rPh sb="8" eb="10">
      <t>ゲンザイ</t>
    </rPh>
    <rPh sb="11" eb="13">
      <t>タンイ</t>
    </rPh>
    <rPh sb="14" eb="16">
      <t>ケイエイ</t>
    </rPh>
    <rPh sb="16" eb="17">
      <t>タイ</t>
    </rPh>
    <rPh sb="18" eb="19">
      <t>セキ</t>
    </rPh>
    <phoneticPr fontId="4"/>
  </si>
  <si>
    <t>資料：漁業センサス結果報告書</t>
    <rPh sb="0" eb="2">
      <t>シリョウ</t>
    </rPh>
    <phoneticPr fontId="4"/>
  </si>
  <si>
    <t>２－２　経営組織別経営体数・漁船・海上作業従事者数</t>
    <rPh sb="4" eb="6">
      <t>ケイエイ</t>
    </rPh>
    <rPh sb="6" eb="8">
      <t>ソシキ</t>
    </rPh>
    <rPh sb="8" eb="9">
      <t>ベツ</t>
    </rPh>
    <rPh sb="9" eb="11">
      <t>ケイエイ</t>
    </rPh>
    <rPh sb="11" eb="12">
      <t>タイ</t>
    </rPh>
    <rPh sb="12" eb="13">
      <t>スウ</t>
    </rPh>
    <rPh sb="14" eb="16">
      <t>ギョセン</t>
    </rPh>
    <phoneticPr fontId="4"/>
  </si>
  <si>
    <t>平成30年</t>
    <rPh sb="0" eb="2">
      <t>ｈ</t>
    </rPh>
    <rPh sb="4" eb="5">
      <t>ネン</t>
    </rPh>
    <phoneticPr fontId="4"/>
  </si>
  <si>
    <t>-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000&quot;年&quot;"/>
    <numFmt numFmtId="177" formatCode="0.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明朝"/>
      <family val="1"/>
      <charset val="128"/>
    </font>
    <font>
      <sz val="6"/>
      <name val="ＭＳ Ｐ明朝"/>
      <family val="1"/>
      <charset val="128"/>
    </font>
    <font>
      <b/>
      <sz val="1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54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21">
    <xf numFmtId="0" fontId="0" fillId="0" borderId="0" xfId="0"/>
    <xf numFmtId="0" fontId="0" fillId="0" borderId="0" xfId="0" applyAlignment="1">
      <alignment horizontal="center"/>
    </xf>
    <xf numFmtId="0" fontId="0" fillId="0" borderId="0" xfId="0" applyBorder="1"/>
    <xf numFmtId="0" fontId="0" fillId="0" borderId="0" xfId="0" applyBorder="1" applyAlignment="1">
      <alignment horizontal="center"/>
    </xf>
    <xf numFmtId="0" fontId="1" fillId="0" borderId="0" xfId="0" applyFont="1" applyBorder="1"/>
    <xf numFmtId="0" fontId="3" fillId="0" borderId="0" xfId="0" applyFont="1" applyBorder="1" applyAlignment="1">
      <alignment horizontal="center" vertical="center"/>
    </xf>
    <xf numFmtId="176" fontId="0" fillId="0" borderId="0" xfId="0" applyNumberFormat="1" applyBorder="1" applyAlignment="1">
      <alignment horizontal="center" vertical="center"/>
    </xf>
    <xf numFmtId="0" fontId="1" fillId="0" borderId="0" xfId="0" applyFont="1" applyBorder="1" applyAlignment="1"/>
    <xf numFmtId="38" fontId="0" fillId="0" borderId="2" xfId="1" applyFont="1" applyBorder="1" applyAlignment="1">
      <alignment horizontal="right" vertical="center"/>
    </xf>
    <xf numFmtId="38" fontId="0" fillId="0" borderId="3" xfId="1" applyFont="1" applyBorder="1" applyAlignment="1">
      <alignment horizontal="right" vertical="center"/>
    </xf>
    <xf numFmtId="38" fontId="0" fillId="0" borderId="4" xfId="1" applyFont="1" applyBorder="1" applyAlignment="1">
      <alignment horizontal="right" vertical="center"/>
    </xf>
    <xf numFmtId="38" fontId="0" fillId="0" borderId="5" xfId="1" applyFont="1" applyBorder="1" applyAlignment="1">
      <alignment horizontal="right" vertical="center"/>
    </xf>
    <xf numFmtId="0" fontId="0" fillId="0" borderId="3" xfId="0" applyNumberFormat="1" applyFont="1" applyBorder="1" applyAlignment="1">
      <alignment horizontal="right" vertical="center"/>
    </xf>
    <xf numFmtId="38" fontId="0" fillId="0" borderId="6" xfId="1" applyFont="1" applyBorder="1" applyAlignment="1">
      <alignment horizontal="right" vertical="center"/>
    </xf>
    <xf numFmtId="38" fontId="0" fillId="0" borderId="7" xfId="1" applyFont="1" applyBorder="1" applyAlignment="1">
      <alignment horizontal="right" vertical="center"/>
    </xf>
    <xf numFmtId="0" fontId="0" fillId="0" borderId="5" xfId="0" applyFont="1" applyBorder="1" applyAlignment="1">
      <alignment horizontal="center" vertical="center"/>
    </xf>
    <xf numFmtId="38" fontId="0" fillId="0" borderId="9" xfId="1" applyFont="1" applyBorder="1" applyAlignment="1">
      <alignment horizontal="right" vertical="center"/>
    </xf>
    <xf numFmtId="38" fontId="0" fillId="0" borderId="10" xfId="1" applyFont="1" applyBorder="1" applyAlignment="1">
      <alignment horizontal="right" vertical="center"/>
    </xf>
    <xf numFmtId="38" fontId="0" fillId="0" borderId="11" xfId="1" applyFont="1" applyBorder="1" applyAlignment="1">
      <alignment horizontal="right" vertical="center"/>
    </xf>
    <xf numFmtId="38" fontId="0" fillId="0" borderId="12" xfId="1" applyFont="1" applyBorder="1" applyAlignment="1">
      <alignment horizontal="right" vertical="center"/>
    </xf>
    <xf numFmtId="0" fontId="0" fillId="0" borderId="10" xfId="0" applyNumberFormat="1" applyFont="1" applyBorder="1" applyAlignment="1">
      <alignment horizontal="right" vertical="center"/>
    </xf>
    <xf numFmtId="38" fontId="0" fillId="0" borderId="13" xfId="1" applyFont="1" applyBorder="1" applyAlignment="1">
      <alignment horizontal="right" vertical="center"/>
    </xf>
    <xf numFmtId="38" fontId="0" fillId="0" borderId="14" xfId="1" applyFont="1" applyBorder="1" applyAlignment="1">
      <alignment horizontal="right" vertical="center"/>
    </xf>
    <xf numFmtId="0" fontId="0" fillId="0" borderId="12" xfId="0" applyFont="1" applyBorder="1" applyAlignment="1">
      <alignment horizontal="center" vertical="center"/>
    </xf>
    <xf numFmtId="38" fontId="0" fillId="0" borderId="16" xfId="1" applyFont="1" applyBorder="1" applyAlignment="1">
      <alignment horizontal="right" vertical="center"/>
    </xf>
    <xf numFmtId="38" fontId="0" fillId="0" borderId="17" xfId="1" applyFont="1" applyBorder="1" applyAlignment="1">
      <alignment horizontal="right" vertical="center"/>
    </xf>
    <xf numFmtId="38" fontId="0" fillId="0" borderId="18" xfId="1" applyFont="1" applyBorder="1" applyAlignment="1">
      <alignment horizontal="right" vertical="center"/>
    </xf>
    <xf numFmtId="38" fontId="0" fillId="0" borderId="19" xfId="1" applyFont="1" applyBorder="1" applyAlignment="1">
      <alignment horizontal="right" vertical="center"/>
    </xf>
    <xf numFmtId="177" fontId="0" fillId="0" borderId="17" xfId="0" applyNumberFormat="1" applyFont="1" applyBorder="1" applyAlignment="1">
      <alignment horizontal="right" vertical="center"/>
    </xf>
    <xf numFmtId="38" fontId="0" fillId="0" borderId="20" xfId="1" applyFont="1" applyBorder="1" applyAlignment="1">
      <alignment horizontal="right" vertical="center"/>
    </xf>
    <xf numFmtId="38" fontId="0" fillId="0" borderId="21" xfId="1" applyFont="1" applyBorder="1" applyAlignment="1">
      <alignment horizontal="right" vertical="center"/>
    </xf>
    <xf numFmtId="0" fontId="0" fillId="0" borderId="19" xfId="0" applyFont="1" applyBorder="1" applyAlignment="1">
      <alignment horizontal="center" vertical="center"/>
    </xf>
    <xf numFmtId="38" fontId="0" fillId="0" borderId="23" xfId="1" applyFont="1" applyBorder="1" applyAlignment="1">
      <alignment horizontal="right" vertical="center"/>
    </xf>
    <xf numFmtId="38" fontId="0" fillId="0" borderId="24" xfId="1" applyFont="1" applyBorder="1" applyAlignment="1">
      <alignment horizontal="right" vertical="center"/>
    </xf>
    <xf numFmtId="38" fontId="0" fillId="0" borderId="25" xfId="1" applyFont="1" applyBorder="1" applyAlignment="1">
      <alignment horizontal="right" vertical="center"/>
    </xf>
    <xf numFmtId="38" fontId="0" fillId="0" borderId="26" xfId="1" applyFont="1" applyBorder="1" applyAlignment="1">
      <alignment horizontal="right" vertical="center"/>
    </xf>
    <xf numFmtId="0" fontId="0" fillId="0" borderId="24" xfId="0" applyNumberFormat="1" applyFont="1" applyBorder="1" applyAlignment="1">
      <alignment horizontal="right" vertical="center"/>
    </xf>
    <xf numFmtId="38" fontId="0" fillId="0" borderId="27" xfId="1" applyFont="1" applyBorder="1" applyAlignment="1">
      <alignment horizontal="right" vertical="center"/>
    </xf>
    <xf numFmtId="38" fontId="0" fillId="0" borderId="28" xfId="1" applyFont="1" applyBorder="1" applyAlignment="1">
      <alignment horizontal="right" vertical="center"/>
    </xf>
    <xf numFmtId="0" fontId="0" fillId="0" borderId="26" xfId="0" applyFont="1" applyBorder="1" applyAlignment="1">
      <alignment horizontal="center" vertical="center"/>
    </xf>
    <xf numFmtId="38" fontId="0" fillId="0" borderId="30" xfId="1" applyFont="1" applyBorder="1" applyAlignment="1">
      <alignment horizontal="right" vertical="center"/>
    </xf>
    <xf numFmtId="38" fontId="0" fillId="0" borderId="31" xfId="1" applyFont="1" applyBorder="1" applyAlignment="1">
      <alignment horizontal="right" vertical="center"/>
    </xf>
    <xf numFmtId="38" fontId="0" fillId="0" borderId="32" xfId="1" applyFont="1" applyBorder="1" applyAlignment="1">
      <alignment horizontal="right" vertical="center"/>
    </xf>
    <xf numFmtId="38" fontId="0" fillId="0" borderId="33" xfId="1" applyFont="1" applyBorder="1" applyAlignment="1">
      <alignment horizontal="right" vertical="center"/>
    </xf>
    <xf numFmtId="0" fontId="0" fillId="0" borderId="31" xfId="0" applyNumberFormat="1" applyFont="1" applyBorder="1" applyAlignment="1">
      <alignment horizontal="right" vertical="center"/>
    </xf>
    <xf numFmtId="38" fontId="0" fillId="0" borderId="34" xfId="1" applyFont="1" applyBorder="1" applyAlignment="1">
      <alignment horizontal="right" vertical="center"/>
    </xf>
    <xf numFmtId="38" fontId="0" fillId="0" borderId="35" xfId="1" applyFont="1" applyBorder="1" applyAlignment="1">
      <alignment horizontal="right" vertical="center"/>
    </xf>
    <xf numFmtId="0" fontId="0" fillId="0" borderId="33" xfId="0" applyFont="1" applyBorder="1" applyAlignment="1">
      <alignment horizontal="center" vertical="center"/>
    </xf>
    <xf numFmtId="38" fontId="0" fillId="0" borderId="37" xfId="1" applyFont="1" applyBorder="1" applyAlignment="1">
      <alignment horizontal="right" vertical="center"/>
    </xf>
    <xf numFmtId="38" fontId="0" fillId="0" borderId="38" xfId="1" applyFont="1" applyBorder="1" applyAlignment="1">
      <alignment horizontal="right" vertical="center"/>
    </xf>
    <xf numFmtId="38" fontId="0" fillId="0" borderId="39" xfId="1" applyFont="1" applyBorder="1" applyAlignment="1">
      <alignment horizontal="right" vertical="center"/>
    </xf>
    <xf numFmtId="38" fontId="0" fillId="0" borderId="40" xfId="1" applyFont="1" applyBorder="1" applyAlignment="1">
      <alignment horizontal="right" vertical="center"/>
    </xf>
    <xf numFmtId="0" fontId="0" fillId="0" borderId="38" xfId="0" applyNumberFormat="1" applyFont="1" applyBorder="1" applyAlignment="1">
      <alignment horizontal="right" vertical="center"/>
    </xf>
    <xf numFmtId="38" fontId="0" fillId="0" borderId="41" xfId="1" applyFont="1" applyBorder="1" applyAlignment="1">
      <alignment horizontal="right" vertical="center"/>
    </xf>
    <xf numFmtId="38" fontId="0" fillId="0" borderId="42" xfId="1" applyFont="1" applyBorder="1" applyAlignment="1">
      <alignment horizontal="right" vertical="center"/>
    </xf>
    <xf numFmtId="0" fontId="0" fillId="0" borderId="40" xfId="0" applyFont="1" applyBorder="1" applyAlignment="1">
      <alignment horizontal="center" vertical="center"/>
    </xf>
    <xf numFmtId="2" fontId="0" fillId="0" borderId="10" xfId="0" applyNumberFormat="1" applyFont="1" applyBorder="1" applyAlignment="1">
      <alignment horizontal="right" vertical="center"/>
    </xf>
    <xf numFmtId="0" fontId="0" fillId="0" borderId="17" xfId="0" applyNumberFormat="1" applyFont="1" applyBorder="1" applyAlignment="1">
      <alignment horizontal="right" vertical="center"/>
    </xf>
    <xf numFmtId="2" fontId="0" fillId="0" borderId="17" xfId="0" applyNumberFormat="1" applyFont="1" applyBorder="1" applyAlignment="1">
      <alignment horizontal="right" vertical="center"/>
    </xf>
    <xf numFmtId="38" fontId="1" fillId="2" borderId="37" xfId="1" applyFont="1" applyFill="1" applyBorder="1" applyAlignment="1">
      <alignment horizontal="right" vertical="center"/>
    </xf>
    <xf numFmtId="38" fontId="1" fillId="2" borderId="38" xfId="1" applyFont="1" applyFill="1" applyBorder="1" applyAlignment="1">
      <alignment horizontal="right" vertical="center"/>
    </xf>
    <xf numFmtId="38" fontId="1" fillId="2" borderId="39" xfId="1" applyFont="1" applyFill="1" applyBorder="1" applyAlignment="1">
      <alignment horizontal="right" vertical="center"/>
    </xf>
    <xf numFmtId="38" fontId="1" fillId="2" borderId="9" xfId="1" applyFont="1" applyFill="1" applyBorder="1" applyAlignment="1">
      <alignment horizontal="right" vertical="center"/>
    </xf>
    <xf numFmtId="38" fontId="1" fillId="2" borderId="10" xfId="1" applyFont="1" applyFill="1" applyBorder="1" applyAlignment="1">
      <alignment horizontal="right" vertical="center"/>
    </xf>
    <xf numFmtId="38" fontId="1" fillId="2" borderId="11" xfId="1" applyFont="1" applyFill="1" applyBorder="1" applyAlignment="1">
      <alignment horizontal="right" vertical="center"/>
    </xf>
    <xf numFmtId="38" fontId="1" fillId="2" borderId="16" xfId="1" applyFont="1" applyFill="1" applyBorder="1" applyAlignment="1">
      <alignment horizontal="right" vertical="center"/>
    </xf>
    <xf numFmtId="38" fontId="1" fillId="2" borderId="17" xfId="1" applyFont="1" applyFill="1" applyBorder="1" applyAlignment="1">
      <alignment horizontal="right" vertical="center"/>
    </xf>
    <xf numFmtId="38" fontId="1" fillId="2" borderId="18" xfId="1" applyFont="1" applyFill="1" applyBorder="1" applyAlignment="1">
      <alignment horizontal="right" vertical="center"/>
    </xf>
    <xf numFmtId="0" fontId="0" fillId="0" borderId="38" xfId="0" applyFont="1" applyBorder="1" applyAlignment="1">
      <alignment horizontal="center" vertical="center"/>
    </xf>
    <xf numFmtId="0" fontId="0" fillId="0" borderId="0" xfId="0" applyFont="1" applyBorder="1" applyAlignment="1">
      <alignment horizontal="right"/>
    </xf>
    <xf numFmtId="0" fontId="1" fillId="0" borderId="0" xfId="0" applyFont="1"/>
    <xf numFmtId="0" fontId="1" fillId="0" borderId="0" xfId="0" applyFont="1" applyAlignment="1">
      <alignment horizontal="center"/>
    </xf>
    <xf numFmtId="0" fontId="0" fillId="0" borderId="0" xfId="0" applyAlignment="1">
      <alignment vertical="top" wrapText="1"/>
    </xf>
    <xf numFmtId="0" fontId="5" fillId="0" borderId="0" xfId="0" applyFont="1" applyAlignment="1">
      <alignment horizontal="center"/>
    </xf>
    <xf numFmtId="0" fontId="5" fillId="0" borderId="0" xfId="0" applyFont="1"/>
    <xf numFmtId="0" fontId="0" fillId="0" borderId="12" xfId="0" applyFont="1" applyBorder="1" applyAlignment="1">
      <alignment horizontal="center" vertical="center"/>
    </xf>
    <xf numFmtId="0" fontId="0" fillId="0" borderId="21" xfId="0" applyFont="1" applyBorder="1" applyAlignment="1">
      <alignment horizontal="center" vertical="center"/>
    </xf>
    <xf numFmtId="177" fontId="0" fillId="0" borderId="31" xfId="0" applyNumberFormat="1" applyFont="1" applyBorder="1" applyAlignment="1">
      <alignment horizontal="right" vertical="center"/>
    </xf>
    <xf numFmtId="176" fontId="0" fillId="0" borderId="22" xfId="0" applyNumberFormat="1" applyFont="1" applyBorder="1" applyAlignment="1">
      <alignment horizontal="center" vertical="center"/>
    </xf>
    <xf numFmtId="176" fontId="0" fillId="0" borderId="15" xfId="0" applyNumberFormat="1" applyFont="1" applyBorder="1" applyAlignment="1">
      <alignment horizontal="center" vertical="center"/>
    </xf>
    <xf numFmtId="176" fontId="0" fillId="0" borderId="43" xfId="0" applyNumberFormat="1" applyFont="1" applyBorder="1" applyAlignment="1">
      <alignment horizontal="center" vertical="center"/>
    </xf>
    <xf numFmtId="0" fontId="0" fillId="0" borderId="17" xfId="0" applyFont="1" applyBorder="1" applyAlignment="1">
      <alignment horizontal="center" vertical="center"/>
    </xf>
    <xf numFmtId="0" fontId="0" fillId="0" borderId="10" xfId="0" applyFont="1" applyBorder="1" applyAlignment="1">
      <alignment horizontal="center" vertical="center"/>
    </xf>
    <xf numFmtId="0" fontId="0" fillId="0" borderId="38" xfId="0" applyFont="1" applyBorder="1" applyAlignment="1">
      <alignment horizontal="center" vertical="center"/>
    </xf>
    <xf numFmtId="0" fontId="0" fillId="0" borderId="50" xfId="0" applyFont="1" applyFill="1" applyBorder="1" applyAlignment="1">
      <alignment horizontal="center" vertical="center"/>
    </xf>
    <xf numFmtId="0" fontId="0" fillId="0" borderId="12" xfId="0" applyFont="1" applyFill="1" applyBorder="1" applyAlignment="1">
      <alignment horizontal="center" vertical="center"/>
    </xf>
    <xf numFmtId="0" fontId="0" fillId="0" borderId="40" xfId="0" applyFont="1" applyFill="1" applyBorder="1" applyAlignment="1">
      <alignment horizontal="center" vertical="center"/>
    </xf>
    <xf numFmtId="176" fontId="0" fillId="0" borderId="36" xfId="0" applyNumberFormat="1" applyFont="1" applyBorder="1" applyAlignment="1">
      <alignment horizontal="center" vertical="center"/>
    </xf>
    <xf numFmtId="176" fontId="0" fillId="0" borderId="29" xfId="0" applyNumberFormat="1" applyFont="1" applyBorder="1" applyAlignment="1">
      <alignment horizontal="center" vertical="center"/>
    </xf>
    <xf numFmtId="0" fontId="0" fillId="0" borderId="31" xfId="0" applyFont="1" applyBorder="1" applyAlignment="1">
      <alignment horizontal="center" vertical="center"/>
    </xf>
    <xf numFmtId="0" fontId="0" fillId="0" borderId="24" xfId="0" applyFont="1" applyBorder="1" applyAlignment="1">
      <alignment horizontal="center" vertical="center"/>
    </xf>
    <xf numFmtId="0" fontId="0" fillId="0" borderId="48" xfId="0" applyFont="1" applyFill="1" applyBorder="1" applyAlignment="1">
      <alignment horizontal="center" vertical="center"/>
    </xf>
    <xf numFmtId="0" fontId="0" fillId="0" borderId="10" xfId="0" applyFont="1" applyFill="1" applyBorder="1" applyAlignment="1">
      <alignment horizontal="center" vertical="center"/>
    </xf>
    <xf numFmtId="0" fontId="0" fillId="0" borderId="38" xfId="0" applyFont="1" applyFill="1" applyBorder="1" applyAlignment="1">
      <alignment horizontal="center" vertical="center"/>
    </xf>
    <xf numFmtId="0" fontId="0" fillId="0" borderId="53" xfId="0" applyFont="1" applyFill="1" applyBorder="1" applyAlignment="1">
      <alignment horizontal="center" vertical="center"/>
    </xf>
    <xf numFmtId="0" fontId="0" fillId="0" borderId="15" xfId="0" applyFont="1" applyFill="1" applyBorder="1" applyAlignment="1">
      <alignment horizontal="center" vertical="center"/>
    </xf>
    <xf numFmtId="0" fontId="0" fillId="0" borderId="43" xfId="0" applyFont="1" applyFill="1" applyBorder="1" applyAlignment="1">
      <alignment horizontal="center" vertical="center"/>
    </xf>
    <xf numFmtId="0" fontId="0" fillId="0" borderId="3" xfId="0" applyFont="1" applyBorder="1" applyAlignment="1">
      <alignment horizontal="center" vertical="center"/>
    </xf>
    <xf numFmtId="0" fontId="0" fillId="0" borderId="0" xfId="0" applyAlignment="1">
      <alignment horizontal="left" vertical="top" wrapText="1"/>
    </xf>
    <xf numFmtId="0" fontId="0" fillId="0" borderId="49" xfId="0" applyFont="1" applyBorder="1" applyAlignment="1">
      <alignment horizontal="center" vertical="center"/>
    </xf>
    <xf numFmtId="0" fontId="0" fillId="0" borderId="48" xfId="0" applyFont="1" applyBorder="1" applyAlignment="1">
      <alignment horizontal="center" vertical="center"/>
    </xf>
    <xf numFmtId="0" fontId="0" fillId="0" borderId="47" xfId="0" applyFont="1" applyBorder="1" applyAlignment="1">
      <alignment horizontal="center" vertical="center"/>
    </xf>
    <xf numFmtId="0" fontId="0" fillId="0" borderId="12" xfId="0" applyFont="1" applyBorder="1" applyAlignment="1">
      <alignment horizontal="center" vertical="center"/>
    </xf>
    <xf numFmtId="0" fontId="0" fillId="0" borderId="51" xfId="0" applyFont="1" applyBorder="1" applyAlignment="1">
      <alignment horizontal="center" vertical="center"/>
    </xf>
    <xf numFmtId="0" fontId="0" fillId="0" borderId="50" xfId="0" applyFont="1" applyBorder="1" applyAlignment="1">
      <alignment horizontal="center" vertical="center"/>
    </xf>
    <xf numFmtId="0" fontId="0" fillId="0" borderId="11" xfId="0" applyFont="1" applyBorder="1" applyAlignment="1">
      <alignment horizontal="center" vertical="center"/>
    </xf>
    <xf numFmtId="0" fontId="0" fillId="0" borderId="39" xfId="0" applyFont="1" applyBorder="1" applyAlignment="1">
      <alignment horizontal="center" vertical="center"/>
    </xf>
    <xf numFmtId="0" fontId="0" fillId="0" borderId="14" xfId="0" applyFont="1" applyBorder="1" applyAlignment="1">
      <alignment horizontal="center" vertical="center"/>
    </xf>
    <xf numFmtId="0" fontId="0" fillId="0" borderId="42" xfId="0" applyFont="1" applyBorder="1" applyAlignment="1">
      <alignment horizontal="center" vertical="center"/>
    </xf>
    <xf numFmtId="0" fontId="0" fillId="0" borderId="52" xfId="0" applyFont="1" applyBorder="1" applyAlignment="1">
      <alignment horizontal="center" vertical="center"/>
    </xf>
    <xf numFmtId="0" fontId="0" fillId="0" borderId="1" xfId="0" applyBorder="1" applyAlignment="1">
      <alignment horizontal="left" wrapText="1"/>
    </xf>
    <xf numFmtId="0" fontId="0" fillId="0" borderId="25" xfId="0" applyFont="1" applyBorder="1" applyAlignment="1">
      <alignment horizontal="center" vertical="center" wrapText="1"/>
    </xf>
    <xf numFmtId="0" fontId="0" fillId="0" borderId="46" xfId="0" applyFont="1" applyBorder="1" applyAlignment="1">
      <alignment horizontal="center" vertical="center" wrapText="1"/>
    </xf>
    <xf numFmtId="0" fontId="0" fillId="0" borderId="24" xfId="0" applyFont="1" applyBorder="1" applyAlignment="1">
      <alignment horizontal="center" vertical="center" wrapText="1"/>
    </xf>
    <xf numFmtId="0" fontId="0" fillId="0" borderId="45" xfId="0" applyFont="1" applyBorder="1" applyAlignment="1">
      <alignment horizontal="center" vertical="center" wrapText="1"/>
    </xf>
    <xf numFmtId="0" fontId="0" fillId="0" borderId="25" xfId="0" applyFont="1" applyBorder="1" applyAlignment="1">
      <alignment horizontal="center" vertical="center"/>
    </xf>
    <xf numFmtId="0" fontId="0" fillId="0" borderId="46" xfId="0" applyFont="1" applyBorder="1" applyAlignment="1">
      <alignment horizontal="center" vertical="center"/>
    </xf>
    <xf numFmtId="0" fontId="0" fillId="0" borderId="45" xfId="0" applyFont="1" applyBorder="1" applyAlignment="1">
      <alignment horizontal="center" vertical="center"/>
    </xf>
    <xf numFmtId="0" fontId="0" fillId="0" borderId="23" xfId="0" applyFont="1" applyBorder="1" applyAlignment="1">
      <alignment horizontal="center" vertical="center"/>
    </xf>
    <xf numFmtId="0" fontId="0" fillId="0" borderId="44" xfId="0" applyFont="1" applyBorder="1" applyAlignment="1">
      <alignment horizontal="center" vertical="center"/>
    </xf>
    <xf numFmtId="176" fontId="0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U46"/>
  <sheetViews>
    <sheetView tabSelected="1" view="pageBreakPreview" zoomScale="85" zoomScaleNormal="100" zoomScaleSheetLayoutView="85" workbookViewId="0">
      <selection activeCell="K42" sqref="K42"/>
    </sheetView>
  </sheetViews>
  <sheetFormatPr defaultRowHeight="13.2" x14ac:dyDescent="0.2"/>
  <cols>
    <col min="1" max="1" width="8.21875" customWidth="1"/>
    <col min="2" max="2" width="8.77734375" customWidth="1"/>
    <col min="3" max="3" width="9.44140625" style="1" customWidth="1"/>
    <col min="4" max="14" width="9.33203125" customWidth="1"/>
  </cols>
  <sheetData>
    <row r="1" spans="1:21" ht="19.2" x14ac:dyDescent="0.25">
      <c r="A1" s="74" t="s">
        <v>43</v>
      </c>
      <c r="C1" s="73"/>
      <c r="L1" s="72"/>
      <c r="M1" s="72"/>
      <c r="N1" s="72"/>
      <c r="O1" s="72"/>
      <c r="P1" s="72"/>
      <c r="Q1" s="72"/>
      <c r="R1" s="72"/>
      <c r="S1" s="72"/>
      <c r="T1" s="72"/>
      <c r="U1" s="72"/>
    </row>
    <row r="2" spans="1:21" x14ac:dyDescent="0.2">
      <c r="B2" s="98" t="s">
        <v>42</v>
      </c>
      <c r="C2" s="98"/>
      <c r="D2" s="98"/>
      <c r="E2" s="98"/>
      <c r="F2" s="98"/>
      <c r="G2" s="98"/>
      <c r="H2" s="98"/>
      <c r="I2" s="98"/>
      <c r="J2" s="98"/>
      <c r="K2" s="98"/>
      <c r="L2" s="98"/>
      <c r="M2" s="98"/>
      <c r="N2" s="98"/>
      <c r="O2" s="72"/>
      <c r="P2" s="72"/>
      <c r="Q2" s="72"/>
      <c r="R2" s="72"/>
      <c r="S2" s="72"/>
      <c r="T2" s="72"/>
      <c r="U2" s="72"/>
    </row>
    <row r="3" spans="1:21" ht="20.100000000000001" customHeight="1" thickBot="1" x14ac:dyDescent="0.25">
      <c r="B3" s="70"/>
      <c r="C3" s="71"/>
      <c r="D3" s="70"/>
      <c r="E3" s="70"/>
      <c r="F3" s="70"/>
      <c r="G3" s="70"/>
      <c r="K3" s="70"/>
      <c r="L3" s="7"/>
      <c r="M3" s="7"/>
      <c r="N3" s="69" t="s">
        <v>41</v>
      </c>
    </row>
    <row r="4" spans="1:21" ht="20.100000000000001" customHeight="1" x14ac:dyDescent="0.2">
      <c r="A4" s="94" t="s">
        <v>40</v>
      </c>
      <c r="B4" s="91" t="s">
        <v>39</v>
      </c>
      <c r="C4" s="84" t="s">
        <v>38</v>
      </c>
      <c r="D4" s="99" t="s">
        <v>37</v>
      </c>
      <c r="E4" s="100"/>
      <c r="F4" s="109"/>
      <c r="G4" s="103" t="s">
        <v>36</v>
      </c>
      <c r="H4" s="100"/>
      <c r="I4" s="100"/>
      <c r="J4" s="100"/>
      <c r="K4" s="104"/>
      <c r="L4" s="99" t="s">
        <v>35</v>
      </c>
      <c r="M4" s="100"/>
      <c r="N4" s="101"/>
    </row>
    <row r="5" spans="1:21" ht="20.100000000000001" customHeight="1" x14ac:dyDescent="0.2">
      <c r="A5" s="95"/>
      <c r="B5" s="92"/>
      <c r="C5" s="85"/>
      <c r="D5" s="105" t="s">
        <v>29</v>
      </c>
      <c r="E5" s="82" t="s">
        <v>34</v>
      </c>
      <c r="F5" s="107" t="s">
        <v>33</v>
      </c>
      <c r="G5" s="111" t="s">
        <v>32</v>
      </c>
      <c r="H5" s="113" t="s">
        <v>31</v>
      </c>
      <c r="I5" s="82" t="s">
        <v>30</v>
      </c>
      <c r="J5" s="82"/>
      <c r="K5" s="102"/>
      <c r="L5" s="115" t="s">
        <v>29</v>
      </c>
      <c r="M5" s="90" t="s">
        <v>28</v>
      </c>
      <c r="N5" s="118" t="s">
        <v>27</v>
      </c>
    </row>
    <row r="6" spans="1:21" ht="20.100000000000001" customHeight="1" x14ac:dyDescent="0.2">
      <c r="A6" s="96"/>
      <c r="B6" s="93"/>
      <c r="C6" s="86"/>
      <c r="D6" s="106"/>
      <c r="E6" s="83"/>
      <c r="F6" s="108"/>
      <c r="G6" s="112"/>
      <c r="H6" s="114"/>
      <c r="I6" s="68" t="s">
        <v>26</v>
      </c>
      <c r="J6" s="68" t="s">
        <v>25</v>
      </c>
      <c r="K6" s="55" t="s">
        <v>24</v>
      </c>
      <c r="L6" s="116"/>
      <c r="M6" s="117"/>
      <c r="N6" s="119"/>
    </row>
    <row r="7" spans="1:21" ht="20.100000000000001" customHeight="1" x14ac:dyDescent="0.2">
      <c r="A7" s="78">
        <v>1963</v>
      </c>
      <c r="B7" s="81" t="s">
        <v>23</v>
      </c>
      <c r="C7" s="31" t="s">
        <v>16</v>
      </c>
      <c r="D7" s="26">
        <v>55</v>
      </c>
      <c r="E7" s="25">
        <v>51</v>
      </c>
      <c r="F7" s="30">
        <v>4</v>
      </c>
      <c r="G7" s="29">
        <v>66</v>
      </c>
      <c r="H7" s="25">
        <v>18</v>
      </c>
      <c r="I7" s="25">
        <v>28</v>
      </c>
      <c r="J7" s="57">
        <v>260</v>
      </c>
      <c r="K7" s="27">
        <v>907</v>
      </c>
      <c r="L7" s="67"/>
      <c r="M7" s="66"/>
      <c r="N7" s="65"/>
    </row>
    <row r="8" spans="1:21" ht="20.100000000000001" customHeight="1" x14ac:dyDescent="0.2">
      <c r="A8" s="79"/>
      <c r="B8" s="82"/>
      <c r="C8" s="23" t="s">
        <v>10</v>
      </c>
      <c r="D8" s="18">
        <v>93</v>
      </c>
      <c r="E8" s="17">
        <v>92</v>
      </c>
      <c r="F8" s="22">
        <v>1</v>
      </c>
      <c r="G8" s="21">
        <v>146</v>
      </c>
      <c r="H8" s="17">
        <v>3</v>
      </c>
      <c r="I8" s="17">
        <v>33</v>
      </c>
      <c r="J8" s="20">
        <v>170</v>
      </c>
      <c r="K8" s="19">
        <v>513</v>
      </c>
      <c r="L8" s="64"/>
      <c r="M8" s="63"/>
      <c r="N8" s="62"/>
    </row>
    <row r="9" spans="1:21" ht="20.100000000000001" customHeight="1" x14ac:dyDescent="0.2">
      <c r="A9" s="80"/>
      <c r="B9" s="83"/>
      <c r="C9" s="55" t="s">
        <v>9</v>
      </c>
      <c r="D9" s="50">
        <v>259</v>
      </c>
      <c r="E9" s="49">
        <v>258</v>
      </c>
      <c r="F9" s="54">
        <v>1</v>
      </c>
      <c r="G9" s="53">
        <v>129</v>
      </c>
      <c r="H9" s="49">
        <v>127</v>
      </c>
      <c r="I9" s="49">
        <v>49</v>
      </c>
      <c r="J9" s="52">
        <v>314</v>
      </c>
      <c r="K9" s="51">
        <v>1045</v>
      </c>
      <c r="L9" s="61"/>
      <c r="M9" s="60"/>
      <c r="N9" s="59"/>
    </row>
    <row r="10" spans="1:21" ht="20.100000000000001" customHeight="1" x14ac:dyDescent="0.2">
      <c r="A10" s="87">
        <v>1968</v>
      </c>
      <c r="B10" s="89" t="s">
        <v>22</v>
      </c>
      <c r="C10" s="47" t="s">
        <v>16</v>
      </c>
      <c r="D10" s="42">
        <v>94</v>
      </c>
      <c r="E10" s="41">
        <v>90</v>
      </c>
      <c r="F10" s="46">
        <v>4</v>
      </c>
      <c r="G10" s="45">
        <v>41</v>
      </c>
      <c r="H10" s="41">
        <v>85</v>
      </c>
      <c r="I10" s="41">
        <v>21</v>
      </c>
      <c r="J10" s="44">
        <v>125</v>
      </c>
      <c r="K10" s="43" t="s">
        <v>14</v>
      </c>
      <c r="L10" s="42">
        <v>228</v>
      </c>
      <c r="M10" s="41">
        <v>145</v>
      </c>
      <c r="N10" s="40">
        <v>83</v>
      </c>
    </row>
    <row r="11" spans="1:21" ht="20.100000000000001" customHeight="1" x14ac:dyDescent="0.2">
      <c r="A11" s="79"/>
      <c r="B11" s="82"/>
      <c r="C11" s="23" t="s">
        <v>10</v>
      </c>
      <c r="D11" s="18">
        <v>127</v>
      </c>
      <c r="E11" s="17">
        <v>126</v>
      </c>
      <c r="F11" s="22">
        <v>1</v>
      </c>
      <c r="G11" s="21">
        <v>81</v>
      </c>
      <c r="H11" s="17">
        <v>85</v>
      </c>
      <c r="I11" s="17">
        <v>38</v>
      </c>
      <c r="J11" s="20">
        <v>116</v>
      </c>
      <c r="K11" s="19" t="s">
        <v>14</v>
      </c>
      <c r="L11" s="18">
        <v>240</v>
      </c>
      <c r="M11" s="17">
        <v>165</v>
      </c>
      <c r="N11" s="16">
        <v>75</v>
      </c>
    </row>
    <row r="12" spans="1:21" ht="20.100000000000001" customHeight="1" x14ac:dyDescent="0.2">
      <c r="A12" s="88"/>
      <c r="B12" s="90"/>
      <c r="C12" s="39" t="s">
        <v>9</v>
      </c>
      <c r="D12" s="34">
        <v>199</v>
      </c>
      <c r="E12" s="33">
        <v>198</v>
      </c>
      <c r="F12" s="38">
        <v>1</v>
      </c>
      <c r="G12" s="37">
        <v>24</v>
      </c>
      <c r="H12" s="33">
        <v>138</v>
      </c>
      <c r="I12" s="33">
        <v>33</v>
      </c>
      <c r="J12" s="36">
        <v>131</v>
      </c>
      <c r="K12" s="35" t="s">
        <v>14</v>
      </c>
      <c r="L12" s="34">
        <v>286</v>
      </c>
      <c r="M12" s="33">
        <v>239</v>
      </c>
      <c r="N12" s="32">
        <v>47</v>
      </c>
    </row>
    <row r="13" spans="1:21" ht="20.100000000000001" customHeight="1" x14ac:dyDescent="0.2">
      <c r="A13" s="78">
        <v>1973</v>
      </c>
      <c r="B13" s="81" t="s">
        <v>21</v>
      </c>
      <c r="C13" s="31" t="s">
        <v>16</v>
      </c>
      <c r="D13" s="26">
        <v>85</v>
      </c>
      <c r="E13" s="25">
        <v>81</v>
      </c>
      <c r="F13" s="30">
        <v>4</v>
      </c>
      <c r="G13" s="29">
        <v>12</v>
      </c>
      <c r="H13" s="25">
        <v>144</v>
      </c>
      <c r="I13" s="25">
        <v>5</v>
      </c>
      <c r="J13" s="57">
        <v>236.79</v>
      </c>
      <c r="K13" s="27">
        <v>1127</v>
      </c>
      <c r="L13" s="26">
        <v>225</v>
      </c>
      <c r="M13" s="25">
        <v>131</v>
      </c>
      <c r="N13" s="24">
        <v>94</v>
      </c>
    </row>
    <row r="14" spans="1:21" ht="20.100000000000001" customHeight="1" x14ac:dyDescent="0.2">
      <c r="A14" s="79"/>
      <c r="B14" s="82"/>
      <c r="C14" s="23" t="s">
        <v>10</v>
      </c>
      <c r="D14" s="18">
        <v>107</v>
      </c>
      <c r="E14" s="17">
        <v>106</v>
      </c>
      <c r="F14" s="22">
        <v>1</v>
      </c>
      <c r="G14" s="21">
        <v>23</v>
      </c>
      <c r="H14" s="17">
        <v>106</v>
      </c>
      <c r="I14" s="17">
        <v>32</v>
      </c>
      <c r="J14" s="20">
        <v>102.04</v>
      </c>
      <c r="K14" s="19">
        <v>415</v>
      </c>
      <c r="L14" s="18">
        <v>211</v>
      </c>
      <c r="M14" s="17">
        <v>133</v>
      </c>
      <c r="N14" s="16">
        <v>78</v>
      </c>
    </row>
    <row r="15" spans="1:21" ht="20.100000000000001" customHeight="1" x14ac:dyDescent="0.2">
      <c r="A15" s="80"/>
      <c r="B15" s="83"/>
      <c r="C15" s="55" t="s">
        <v>9</v>
      </c>
      <c r="D15" s="50">
        <v>135</v>
      </c>
      <c r="E15" s="49">
        <v>134</v>
      </c>
      <c r="F15" s="54">
        <v>1</v>
      </c>
      <c r="G15" s="53">
        <v>20</v>
      </c>
      <c r="H15" s="49">
        <v>118</v>
      </c>
      <c r="I15" s="49">
        <v>40</v>
      </c>
      <c r="J15" s="52">
        <v>260.42</v>
      </c>
      <c r="K15" s="51">
        <v>1670</v>
      </c>
      <c r="L15" s="50">
        <v>190</v>
      </c>
      <c r="M15" s="49">
        <v>150</v>
      </c>
      <c r="N15" s="48">
        <v>40</v>
      </c>
    </row>
    <row r="16" spans="1:21" ht="20.100000000000001" customHeight="1" x14ac:dyDescent="0.2">
      <c r="A16" s="87">
        <v>1978</v>
      </c>
      <c r="B16" s="89" t="s">
        <v>20</v>
      </c>
      <c r="C16" s="47" t="s">
        <v>16</v>
      </c>
      <c r="D16" s="42">
        <v>78</v>
      </c>
      <c r="E16" s="41">
        <v>77</v>
      </c>
      <c r="F16" s="46">
        <v>1</v>
      </c>
      <c r="G16" s="45" t="s">
        <v>14</v>
      </c>
      <c r="H16" s="41">
        <v>174</v>
      </c>
      <c r="I16" s="41" t="s">
        <v>14</v>
      </c>
      <c r="J16" s="44" t="s">
        <v>14</v>
      </c>
      <c r="K16" s="43" t="s">
        <v>14</v>
      </c>
      <c r="L16" s="42">
        <v>150</v>
      </c>
      <c r="M16" s="41">
        <v>119</v>
      </c>
      <c r="N16" s="40">
        <v>31</v>
      </c>
    </row>
    <row r="17" spans="1:14" ht="20.100000000000001" customHeight="1" x14ac:dyDescent="0.2">
      <c r="A17" s="79"/>
      <c r="B17" s="82"/>
      <c r="C17" s="23" t="s">
        <v>10</v>
      </c>
      <c r="D17" s="18">
        <v>109</v>
      </c>
      <c r="E17" s="17">
        <v>109</v>
      </c>
      <c r="F17" s="22" t="s">
        <v>14</v>
      </c>
      <c r="G17" s="21">
        <v>13</v>
      </c>
      <c r="H17" s="17">
        <v>103</v>
      </c>
      <c r="I17" s="17">
        <v>36</v>
      </c>
      <c r="J17" s="20">
        <v>119.91</v>
      </c>
      <c r="K17" s="19">
        <v>693</v>
      </c>
      <c r="L17" s="18">
        <v>152</v>
      </c>
      <c r="M17" s="17">
        <v>120</v>
      </c>
      <c r="N17" s="16">
        <v>32</v>
      </c>
    </row>
    <row r="18" spans="1:14" ht="20.100000000000001" customHeight="1" x14ac:dyDescent="0.2">
      <c r="A18" s="88"/>
      <c r="B18" s="90"/>
      <c r="C18" s="39" t="s">
        <v>9</v>
      </c>
      <c r="D18" s="34">
        <v>117</v>
      </c>
      <c r="E18" s="33">
        <v>116</v>
      </c>
      <c r="F18" s="38">
        <v>1</v>
      </c>
      <c r="G18" s="37">
        <v>9</v>
      </c>
      <c r="H18" s="33">
        <v>147</v>
      </c>
      <c r="I18" s="33">
        <v>48</v>
      </c>
      <c r="J18" s="36">
        <v>206.97</v>
      </c>
      <c r="K18" s="35">
        <v>1497</v>
      </c>
      <c r="L18" s="34">
        <v>160</v>
      </c>
      <c r="M18" s="33">
        <v>127</v>
      </c>
      <c r="N18" s="32">
        <v>33</v>
      </c>
    </row>
    <row r="19" spans="1:14" ht="20.100000000000001" customHeight="1" x14ac:dyDescent="0.2">
      <c r="A19" s="78">
        <v>1983</v>
      </c>
      <c r="B19" s="81" t="s">
        <v>19</v>
      </c>
      <c r="C19" s="31" t="s">
        <v>16</v>
      </c>
      <c r="D19" s="26">
        <v>87</v>
      </c>
      <c r="E19" s="25">
        <v>71</v>
      </c>
      <c r="F19" s="30">
        <v>16</v>
      </c>
      <c r="G19" s="29" t="s">
        <v>14</v>
      </c>
      <c r="H19" s="25">
        <v>207</v>
      </c>
      <c r="I19" s="25">
        <v>3</v>
      </c>
      <c r="J19" s="58">
        <v>27.2</v>
      </c>
      <c r="K19" s="27">
        <v>220</v>
      </c>
      <c r="L19" s="26">
        <v>146</v>
      </c>
      <c r="M19" s="25">
        <v>98</v>
      </c>
      <c r="N19" s="24">
        <v>48</v>
      </c>
    </row>
    <row r="20" spans="1:14" ht="20.100000000000001" customHeight="1" x14ac:dyDescent="0.2">
      <c r="A20" s="79"/>
      <c r="B20" s="82"/>
      <c r="C20" s="23" t="s">
        <v>10</v>
      </c>
      <c r="D20" s="18">
        <v>97</v>
      </c>
      <c r="E20" s="17">
        <v>87</v>
      </c>
      <c r="F20" s="22">
        <v>10</v>
      </c>
      <c r="G20" s="21">
        <v>1</v>
      </c>
      <c r="H20" s="17">
        <v>170</v>
      </c>
      <c r="I20" s="17">
        <v>26</v>
      </c>
      <c r="J20" s="20">
        <v>105.27</v>
      </c>
      <c r="K20" s="19">
        <v>792</v>
      </c>
      <c r="L20" s="18">
        <v>268</v>
      </c>
      <c r="M20" s="17">
        <v>94</v>
      </c>
      <c r="N20" s="16">
        <v>74</v>
      </c>
    </row>
    <row r="21" spans="1:14" ht="20.100000000000001" customHeight="1" x14ac:dyDescent="0.2">
      <c r="A21" s="80"/>
      <c r="B21" s="83"/>
      <c r="C21" s="55" t="s">
        <v>9</v>
      </c>
      <c r="D21" s="50">
        <v>106</v>
      </c>
      <c r="E21" s="49">
        <v>102</v>
      </c>
      <c r="F21" s="54">
        <v>4</v>
      </c>
      <c r="G21" s="53">
        <v>9</v>
      </c>
      <c r="H21" s="49">
        <v>102</v>
      </c>
      <c r="I21" s="49">
        <v>53</v>
      </c>
      <c r="J21" s="52">
        <v>275.62</v>
      </c>
      <c r="K21" s="51">
        <v>2485</v>
      </c>
      <c r="L21" s="50">
        <v>114</v>
      </c>
      <c r="M21" s="49">
        <v>108</v>
      </c>
      <c r="N21" s="48">
        <v>6</v>
      </c>
    </row>
    <row r="22" spans="1:14" ht="20.100000000000001" customHeight="1" x14ac:dyDescent="0.2">
      <c r="A22" s="87">
        <v>1988</v>
      </c>
      <c r="B22" s="89" t="s">
        <v>18</v>
      </c>
      <c r="C22" s="47" t="s">
        <v>16</v>
      </c>
      <c r="D22" s="42">
        <v>68</v>
      </c>
      <c r="E22" s="41">
        <v>66</v>
      </c>
      <c r="F22" s="46">
        <v>2</v>
      </c>
      <c r="G22" s="45">
        <v>2</v>
      </c>
      <c r="H22" s="41">
        <v>188</v>
      </c>
      <c r="I22" s="41">
        <v>12</v>
      </c>
      <c r="J22" s="44">
        <v>84.94</v>
      </c>
      <c r="K22" s="43">
        <v>805</v>
      </c>
      <c r="L22" s="42">
        <v>272</v>
      </c>
      <c r="M22" s="41">
        <v>118</v>
      </c>
      <c r="N22" s="40">
        <v>154</v>
      </c>
    </row>
    <row r="23" spans="1:14" ht="20.100000000000001" customHeight="1" x14ac:dyDescent="0.2">
      <c r="A23" s="79"/>
      <c r="B23" s="82"/>
      <c r="C23" s="23" t="s">
        <v>10</v>
      </c>
      <c r="D23" s="18">
        <v>90</v>
      </c>
      <c r="E23" s="17">
        <v>82</v>
      </c>
      <c r="F23" s="22">
        <v>8</v>
      </c>
      <c r="G23" s="21">
        <v>1</v>
      </c>
      <c r="H23" s="17">
        <v>166</v>
      </c>
      <c r="I23" s="17">
        <v>19</v>
      </c>
      <c r="J23" s="20">
        <v>90.65</v>
      </c>
      <c r="K23" s="19">
        <v>937</v>
      </c>
      <c r="L23" s="18">
        <v>201</v>
      </c>
      <c r="M23" s="17">
        <v>135</v>
      </c>
      <c r="N23" s="16">
        <v>66</v>
      </c>
    </row>
    <row r="24" spans="1:14" ht="20.100000000000001" customHeight="1" x14ac:dyDescent="0.2">
      <c r="A24" s="88"/>
      <c r="B24" s="90"/>
      <c r="C24" s="39" t="s">
        <v>9</v>
      </c>
      <c r="D24" s="34">
        <v>103</v>
      </c>
      <c r="E24" s="33">
        <v>98</v>
      </c>
      <c r="F24" s="38">
        <v>5</v>
      </c>
      <c r="G24" s="37">
        <v>3</v>
      </c>
      <c r="H24" s="33">
        <v>100</v>
      </c>
      <c r="I24" s="33">
        <v>54</v>
      </c>
      <c r="J24" s="36">
        <v>311.95</v>
      </c>
      <c r="K24" s="35">
        <v>3152</v>
      </c>
      <c r="L24" s="34">
        <v>163</v>
      </c>
      <c r="M24" s="33">
        <v>108</v>
      </c>
      <c r="N24" s="32">
        <v>55</v>
      </c>
    </row>
    <row r="25" spans="1:14" ht="20.100000000000001" customHeight="1" x14ac:dyDescent="0.2">
      <c r="A25" s="78">
        <v>1993</v>
      </c>
      <c r="B25" s="81" t="s">
        <v>17</v>
      </c>
      <c r="C25" s="31" t="s">
        <v>16</v>
      </c>
      <c r="D25" s="26">
        <v>68</v>
      </c>
      <c r="E25" s="25">
        <v>66</v>
      </c>
      <c r="F25" s="30">
        <v>2</v>
      </c>
      <c r="G25" s="29">
        <v>3</v>
      </c>
      <c r="H25" s="25">
        <v>184</v>
      </c>
      <c r="I25" s="25">
        <v>14</v>
      </c>
      <c r="J25" s="57">
        <v>37.979999999999997</v>
      </c>
      <c r="K25" s="27">
        <v>1870</v>
      </c>
      <c r="L25" s="26">
        <v>220</v>
      </c>
      <c r="M25" s="25">
        <v>153</v>
      </c>
      <c r="N25" s="24">
        <v>67</v>
      </c>
    </row>
    <row r="26" spans="1:14" ht="20.100000000000001" customHeight="1" x14ac:dyDescent="0.2">
      <c r="A26" s="79"/>
      <c r="B26" s="82"/>
      <c r="C26" s="23" t="s">
        <v>10</v>
      </c>
      <c r="D26" s="18">
        <v>72</v>
      </c>
      <c r="E26" s="17">
        <v>64</v>
      </c>
      <c r="F26" s="22">
        <v>8</v>
      </c>
      <c r="G26" s="21">
        <v>11</v>
      </c>
      <c r="H26" s="17">
        <v>108</v>
      </c>
      <c r="I26" s="17">
        <v>25</v>
      </c>
      <c r="J26" s="56">
        <v>149</v>
      </c>
      <c r="K26" s="19">
        <v>5065</v>
      </c>
      <c r="L26" s="18">
        <v>162</v>
      </c>
      <c r="M26" s="17">
        <v>126</v>
      </c>
      <c r="N26" s="16">
        <v>36</v>
      </c>
    </row>
    <row r="27" spans="1:14" ht="20.100000000000001" customHeight="1" x14ac:dyDescent="0.2">
      <c r="A27" s="80"/>
      <c r="B27" s="83"/>
      <c r="C27" s="55" t="s">
        <v>9</v>
      </c>
      <c r="D27" s="50">
        <v>88</v>
      </c>
      <c r="E27" s="49">
        <v>83</v>
      </c>
      <c r="F27" s="54">
        <v>5</v>
      </c>
      <c r="G27" s="53" t="s">
        <v>14</v>
      </c>
      <c r="H27" s="49">
        <v>87</v>
      </c>
      <c r="I27" s="49">
        <v>45</v>
      </c>
      <c r="J27" s="52">
        <v>270.97000000000003</v>
      </c>
      <c r="K27" s="51">
        <v>2832</v>
      </c>
      <c r="L27" s="50">
        <v>140</v>
      </c>
      <c r="M27" s="49">
        <v>91</v>
      </c>
      <c r="N27" s="48">
        <v>49</v>
      </c>
    </row>
    <row r="28" spans="1:14" ht="20.100000000000001" customHeight="1" x14ac:dyDescent="0.2">
      <c r="A28" s="87">
        <v>1998</v>
      </c>
      <c r="B28" s="89" t="s">
        <v>15</v>
      </c>
      <c r="C28" s="47" t="s">
        <v>12</v>
      </c>
      <c r="D28" s="42">
        <v>55</v>
      </c>
      <c r="E28" s="41">
        <v>54</v>
      </c>
      <c r="F28" s="46">
        <v>1</v>
      </c>
      <c r="G28" s="45">
        <v>1</v>
      </c>
      <c r="H28" s="41">
        <v>161</v>
      </c>
      <c r="I28" s="41">
        <v>12</v>
      </c>
      <c r="J28" s="44">
        <v>90.61</v>
      </c>
      <c r="K28" s="43">
        <v>2835</v>
      </c>
      <c r="L28" s="42">
        <v>139</v>
      </c>
      <c r="M28" s="41">
        <v>66</v>
      </c>
      <c r="N28" s="40">
        <v>73</v>
      </c>
    </row>
    <row r="29" spans="1:14" ht="20.100000000000001" customHeight="1" x14ac:dyDescent="0.2">
      <c r="A29" s="79"/>
      <c r="B29" s="82"/>
      <c r="C29" s="23" t="s">
        <v>10</v>
      </c>
      <c r="D29" s="18">
        <v>66</v>
      </c>
      <c r="E29" s="17">
        <v>58</v>
      </c>
      <c r="F29" s="22">
        <v>8</v>
      </c>
      <c r="G29" s="21">
        <v>4</v>
      </c>
      <c r="H29" s="17">
        <v>103</v>
      </c>
      <c r="I29" s="17">
        <v>25</v>
      </c>
      <c r="J29" s="20">
        <v>145.88999999999999</v>
      </c>
      <c r="K29" s="19">
        <v>2128</v>
      </c>
      <c r="L29" s="18">
        <v>164</v>
      </c>
      <c r="M29" s="17">
        <v>82</v>
      </c>
      <c r="N29" s="16">
        <v>82</v>
      </c>
    </row>
    <row r="30" spans="1:14" ht="20.100000000000001" customHeight="1" x14ac:dyDescent="0.2">
      <c r="A30" s="88"/>
      <c r="B30" s="90"/>
      <c r="C30" s="39" t="s">
        <v>9</v>
      </c>
      <c r="D30" s="34">
        <v>70</v>
      </c>
      <c r="E30" s="33">
        <v>66</v>
      </c>
      <c r="F30" s="38">
        <v>4</v>
      </c>
      <c r="G30" s="37" t="s">
        <v>14</v>
      </c>
      <c r="H30" s="33">
        <v>75</v>
      </c>
      <c r="I30" s="33">
        <v>37</v>
      </c>
      <c r="J30" s="36">
        <v>220.98</v>
      </c>
      <c r="K30" s="35">
        <v>2655</v>
      </c>
      <c r="L30" s="34">
        <v>105</v>
      </c>
      <c r="M30" s="33">
        <v>68</v>
      </c>
      <c r="N30" s="32">
        <v>37</v>
      </c>
    </row>
    <row r="31" spans="1:14" ht="20.100000000000001" customHeight="1" x14ac:dyDescent="0.2">
      <c r="A31" s="78">
        <v>2003</v>
      </c>
      <c r="B31" s="81" t="s">
        <v>13</v>
      </c>
      <c r="C31" s="31" t="s">
        <v>12</v>
      </c>
      <c r="D31" s="26">
        <v>48</v>
      </c>
      <c r="E31" s="25">
        <v>47</v>
      </c>
      <c r="F31" s="30">
        <v>1</v>
      </c>
      <c r="G31" s="29" t="s">
        <v>11</v>
      </c>
      <c r="H31" s="25">
        <v>151</v>
      </c>
      <c r="I31" s="25">
        <v>14</v>
      </c>
      <c r="J31" s="57">
        <v>100.23</v>
      </c>
      <c r="K31" s="27">
        <v>3870</v>
      </c>
      <c r="L31" s="26">
        <v>149</v>
      </c>
      <c r="M31" s="25">
        <v>54</v>
      </c>
      <c r="N31" s="24">
        <v>95</v>
      </c>
    </row>
    <row r="32" spans="1:14" ht="20.100000000000001" customHeight="1" x14ac:dyDescent="0.2">
      <c r="A32" s="79"/>
      <c r="B32" s="82"/>
      <c r="C32" s="23" t="s">
        <v>10</v>
      </c>
      <c r="D32" s="18">
        <v>47</v>
      </c>
      <c r="E32" s="17">
        <v>46</v>
      </c>
      <c r="F32" s="22">
        <v>1</v>
      </c>
      <c r="G32" s="21" t="s">
        <v>1</v>
      </c>
      <c r="H32" s="17">
        <v>99</v>
      </c>
      <c r="I32" s="17">
        <v>24</v>
      </c>
      <c r="J32" s="56">
        <v>145.6</v>
      </c>
      <c r="K32" s="19">
        <v>950</v>
      </c>
      <c r="L32" s="18">
        <v>135</v>
      </c>
      <c r="M32" s="17">
        <v>50</v>
      </c>
      <c r="N32" s="16">
        <v>85</v>
      </c>
    </row>
    <row r="33" spans="1:14" ht="20.100000000000001" customHeight="1" x14ac:dyDescent="0.2">
      <c r="A33" s="80"/>
      <c r="B33" s="83"/>
      <c r="C33" s="55" t="s">
        <v>9</v>
      </c>
      <c r="D33" s="50">
        <v>59</v>
      </c>
      <c r="E33" s="49">
        <v>54</v>
      </c>
      <c r="F33" s="54">
        <v>5</v>
      </c>
      <c r="G33" s="53" t="s">
        <v>1</v>
      </c>
      <c r="H33" s="49">
        <v>62</v>
      </c>
      <c r="I33" s="49">
        <v>31</v>
      </c>
      <c r="J33" s="52">
        <v>196.28</v>
      </c>
      <c r="K33" s="51">
        <v>4461</v>
      </c>
      <c r="L33" s="50">
        <v>107</v>
      </c>
      <c r="M33" s="49">
        <v>54</v>
      </c>
      <c r="N33" s="48">
        <v>53</v>
      </c>
    </row>
    <row r="34" spans="1:14" ht="20.100000000000001" customHeight="1" x14ac:dyDescent="0.2">
      <c r="A34" s="87">
        <v>2008</v>
      </c>
      <c r="B34" s="89" t="s">
        <v>8</v>
      </c>
      <c r="C34" s="47" t="s">
        <v>6</v>
      </c>
      <c r="D34" s="42">
        <v>48</v>
      </c>
      <c r="E34" s="41">
        <v>47</v>
      </c>
      <c r="F34" s="46">
        <v>1</v>
      </c>
      <c r="G34" s="45" t="s">
        <v>1</v>
      </c>
      <c r="H34" s="41">
        <v>122</v>
      </c>
      <c r="I34" s="41">
        <v>23</v>
      </c>
      <c r="J34" s="44">
        <v>118.5</v>
      </c>
      <c r="K34" s="43" t="s">
        <v>1</v>
      </c>
      <c r="L34" s="42">
        <v>102</v>
      </c>
      <c r="M34" s="41">
        <v>30</v>
      </c>
      <c r="N34" s="40">
        <v>72</v>
      </c>
    </row>
    <row r="35" spans="1:14" ht="20.100000000000001" customHeight="1" x14ac:dyDescent="0.2">
      <c r="A35" s="79"/>
      <c r="B35" s="82"/>
      <c r="C35" s="23" t="s">
        <v>5</v>
      </c>
      <c r="D35" s="18">
        <v>43</v>
      </c>
      <c r="E35" s="17">
        <v>40</v>
      </c>
      <c r="F35" s="22">
        <v>3</v>
      </c>
      <c r="G35" s="21" t="s">
        <v>3</v>
      </c>
      <c r="H35" s="17">
        <v>59</v>
      </c>
      <c r="I35" s="17">
        <v>25</v>
      </c>
      <c r="J35" s="20">
        <v>146.4</v>
      </c>
      <c r="K35" s="19" t="s">
        <v>3</v>
      </c>
      <c r="L35" s="18">
        <v>71</v>
      </c>
      <c r="M35" s="17">
        <v>11</v>
      </c>
      <c r="N35" s="16">
        <v>60</v>
      </c>
    </row>
    <row r="36" spans="1:14" ht="20.100000000000001" customHeight="1" x14ac:dyDescent="0.2">
      <c r="A36" s="88"/>
      <c r="B36" s="90"/>
      <c r="C36" s="39" t="s">
        <v>2</v>
      </c>
      <c r="D36" s="34">
        <v>52</v>
      </c>
      <c r="E36" s="33">
        <v>46</v>
      </c>
      <c r="F36" s="38">
        <v>6</v>
      </c>
      <c r="G36" s="37">
        <v>1</v>
      </c>
      <c r="H36" s="33">
        <v>60</v>
      </c>
      <c r="I36" s="33">
        <v>35</v>
      </c>
      <c r="J36" s="36">
        <v>216.6</v>
      </c>
      <c r="K36" s="35" t="s">
        <v>1</v>
      </c>
      <c r="L36" s="34">
        <v>182</v>
      </c>
      <c r="M36" s="33">
        <v>51</v>
      </c>
      <c r="N36" s="32">
        <v>131</v>
      </c>
    </row>
    <row r="37" spans="1:14" ht="20.100000000000001" customHeight="1" x14ac:dyDescent="0.2">
      <c r="A37" s="78">
        <v>2013</v>
      </c>
      <c r="B37" s="81" t="s">
        <v>7</v>
      </c>
      <c r="C37" s="31" t="s">
        <v>6</v>
      </c>
      <c r="D37" s="26">
        <v>46</v>
      </c>
      <c r="E37" s="25">
        <v>45</v>
      </c>
      <c r="F37" s="30">
        <v>1</v>
      </c>
      <c r="G37" s="29" t="s">
        <v>1</v>
      </c>
      <c r="H37" s="25">
        <v>61</v>
      </c>
      <c r="I37" s="25">
        <v>14</v>
      </c>
      <c r="J37" s="28">
        <v>98</v>
      </c>
      <c r="K37" s="27" t="s">
        <v>1</v>
      </c>
      <c r="L37" s="26">
        <v>32</v>
      </c>
      <c r="M37" s="25">
        <v>3</v>
      </c>
      <c r="N37" s="24">
        <v>29</v>
      </c>
    </row>
    <row r="38" spans="1:14" ht="20.100000000000001" customHeight="1" x14ac:dyDescent="0.2">
      <c r="A38" s="79"/>
      <c r="B38" s="82"/>
      <c r="C38" s="75" t="s">
        <v>5</v>
      </c>
      <c r="D38" s="18">
        <v>33</v>
      </c>
      <c r="E38" s="17">
        <v>29</v>
      </c>
      <c r="F38" s="22">
        <v>4</v>
      </c>
      <c r="G38" s="21" t="s">
        <v>1</v>
      </c>
      <c r="H38" s="17">
        <v>64</v>
      </c>
      <c r="I38" s="17">
        <v>32</v>
      </c>
      <c r="J38" s="20">
        <v>190.4</v>
      </c>
      <c r="K38" s="19" t="s">
        <v>1</v>
      </c>
      <c r="L38" s="18">
        <v>83</v>
      </c>
      <c r="M38" s="17" t="s">
        <v>1</v>
      </c>
      <c r="N38" s="16">
        <v>83</v>
      </c>
    </row>
    <row r="39" spans="1:14" ht="20.100000000000001" customHeight="1" x14ac:dyDescent="0.2">
      <c r="A39" s="80"/>
      <c r="B39" s="83"/>
      <c r="C39" s="39" t="s">
        <v>2</v>
      </c>
      <c r="D39" s="34">
        <v>39</v>
      </c>
      <c r="E39" s="49">
        <v>32</v>
      </c>
      <c r="F39" s="38">
        <v>7</v>
      </c>
      <c r="G39" s="37">
        <v>2</v>
      </c>
      <c r="H39" s="49">
        <v>50</v>
      </c>
      <c r="I39" s="49">
        <v>40</v>
      </c>
      <c r="J39" s="52">
        <v>249.2</v>
      </c>
      <c r="K39" s="35" t="s">
        <v>1</v>
      </c>
      <c r="L39" s="34">
        <v>123</v>
      </c>
      <c r="M39" s="49">
        <v>21</v>
      </c>
      <c r="N39" s="48">
        <v>102</v>
      </c>
    </row>
    <row r="40" spans="1:14" ht="20.100000000000001" customHeight="1" x14ac:dyDescent="0.2">
      <c r="A40" s="87">
        <v>2018</v>
      </c>
      <c r="B40" s="89" t="s">
        <v>44</v>
      </c>
      <c r="C40" s="76" t="s">
        <v>6</v>
      </c>
      <c r="D40" s="26">
        <v>41</v>
      </c>
      <c r="E40" s="41">
        <v>40</v>
      </c>
      <c r="F40" s="30">
        <v>1</v>
      </c>
      <c r="G40" s="26" t="s">
        <v>1</v>
      </c>
      <c r="H40" s="41">
        <v>98</v>
      </c>
      <c r="I40" s="41">
        <v>14</v>
      </c>
      <c r="J40" s="77">
        <v>98.8</v>
      </c>
      <c r="K40" s="30" t="s">
        <v>4</v>
      </c>
      <c r="L40" s="26">
        <v>39</v>
      </c>
      <c r="M40" s="41">
        <v>1</v>
      </c>
      <c r="N40" s="40">
        <v>38</v>
      </c>
    </row>
    <row r="41" spans="1:14" ht="20.100000000000001" customHeight="1" x14ac:dyDescent="0.2">
      <c r="A41" s="79"/>
      <c r="B41" s="82"/>
      <c r="C41" s="23" t="s">
        <v>5</v>
      </c>
      <c r="D41" s="18">
        <v>24</v>
      </c>
      <c r="E41" s="17">
        <v>24</v>
      </c>
      <c r="F41" s="19" t="s">
        <v>45</v>
      </c>
      <c r="G41" s="18">
        <v>1</v>
      </c>
      <c r="H41" s="17">
        <v>17</v>
      </c>
      <c r="I41" s="17">
        <v>20</v>
      </c>
      <c r="J41" s="20">
        <v>107.5</v>
      </c>
      <c r="K41" s="19" t="s">
        <v>3</v>
      </c>
      <c r="L41" s="18">
        <v>80</v>
      </c>
      <c r="M41" s="17">
        <v>29</v>
      </c>
      <c r="N41" s="16">
        <v>51</v>
      </c>
    </row>
    <row r="42" spans="1:14" ht="20.100000000000001" customHeight="1" thickBot="1" x14ac:dyDescent="0.25">
      <c r="A42" s="120"/>
      <c r="B42" s="97"/>
      <c r="C42" s="15" t="s">
        <v>2</v>
      </c>
      <c r="D42" s="10">
        <v>32</v>
      </c>
      <c r="E42" s="9">
        <v>27</v>
      </c>
      <c r="F42" s="14">
        <v>5</v>
      </c>
      <c r="G42" s="13" t="s">
        <v>45</v>
      </c>
      <c r="H42" s="9">
        <v>38</v>
      </c>
      <c r="I42" s="9">
        <v>36</v>
      </c>
      <c r="J42" s="12">
        <v>217.1</v>
      </c>
      <c r="K42" s="11" t="s">
        <v>1</v>
      </c>
      <c r="L42" s="10">
        <v>65</v>
      </c>
      <c r="M42" s="9">
        <v>24</v>
      </c>
      <c r="N42" s="8">
        <v>41</v>
      </c>
    </row>
    <row r="43" spans="1:14" s="2" customFormat="1" ht="20.100000000000001" customHeight="1" x14ac:dyDescent="0.2">
      <c r="A43" s="110" t="s">
        <v>0</v>
      </c>
      <c r="B43" s="110"/>
      <c r="C43" s="110"/>
      <c r="D43" s="110"/>
      <c r="E43" s="110"/>
      <c r="F43" s="110"/>
      <c r="G43" s="110"/>
      <c r="H43" s="110"/>
      <c r="I43" s="110"/>
      <c r="J43" s="110"/>
      <c r="K43" s="110"/>
      <c r="L43" s="110"/>
      <c r="M43" s="110"/>
      <c r="N43" s="110"/>
    </row>
    <row r="44" spans="1:14" s="2" customFormat="1" ht="20.100000000000001" customHeight="1" x14ac:dyDescent="0.2">
      <c r="A44" s="6"/>
      <c r="B44" s="5"/>
      <c r="C44" s="5"/>
      <c r="D44" s="7"/>
      <c r="E44" s="4"/>
      <c r="F44" s="4"/>
      <c r="G44" s="4"/>
      <c r="H44" s="4"/>
      <c r="I44" s="4"/>
      <c r="J44" s="4"/>
      <c r="K44" s="4"/>
      <c r="L44" s="4"/>
      <c r="M44" s="4"/>
      <c r="N44" s="4"/>
    </row>
    <row r="45" spans="1:14" s="2" customFormat="1" ht="20.100000000000001" customHeight="1" x14ac:dyDescent="0.2">
      <c r="A45" s="6"/>
      <c r="B45" s="5"/>
      <c r="C45" s="5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</row>
    <row r="46" spans="1:14" s="2" customFormat="1" x14ac:dyDescent="0.2">
      <c r="C46" s="3"/>
    </row>
  </sheetData>
  <mergeCells count="41">
    <mergeCell ref="A43:N43"/>
    <mergeCell ref="G5:G6"/>
    <mergeCell ref="H5:H6"/>
    <mergeCell ref="L5:L6"/>
    <mergeCell ref="M5:M6"/>
    <mergeCell ref="N5:N6"/>
    <mergeCell ref="B31:B33"/>
    <mergeCell ref="A31:A33"/>
    <mergeCell ref="A10:A12"/>
    <mergeCell ref="B10:B12"/>
    <mergeCell ref="A13:A15"/>
    <mergeCell ref="B13:B15"/>
    <mergeCell ref="A34:A36"/>
    <mergeCell ref="A28:A30"/>
    <mergeCell ref="B28:B30"/>
    <mergeCell ref="A40:A42"/>
    <mergeCell ref="B40:B42"/>
    <mergeCell ref="B2:N2"/>
    <mergeCell ref="L4:N4"/>
    <mergeCell ref="I5:K5"/>
    <mergeCell ref="G4:K4"/>
    <mergeCell ref="D5:D6"/>
    <mergeCell ref="E5:E6"/>
    <mergeCell ref="F5:F6"/>
    <mergeCell ref="D4:F4"/>
    <mergeCell ref="A37:A39"/>
    <mergeCell ref="B37:B39"/>
    <mergeCell ref="C4:C6"/>
    <mergeCell ref="A16:A18"/>
    <mergeCell ref="B16:B18"/>
    <mergeCell ref="B4:B6"/>
    <mergeCell ref="A4:A6"/>
    <mergeCell ref="A7:A9"/>
    <mergeCell ref="B7:B9"/>
    <mergeCell ref="B34:B36"/>
    <mergeCell ref="B19:B21"/>
    <mergeCell ref="A19:A21"/>
    <mergeCell ref="B22:B24"/>
    <mergeCell ref="A22:A24"/>
    <mergeCell ref="B25:B27"/>
    <mergeCell ref="A25:A27"/>
  </mergeCells>
  <phoneticPr fontId="2"/>
  <pageMargins left="0.78740157480314965" right="0.78740157480314965" top="0.98425196850393704" bottom="0.39370078740157483" header="0.51181102362204722" footer="0.51181102362204722"/>
  <pageSetup paperSize="9" scale="88" orientation="landscape" horizontalDpi="300" verticalDpi="300" r:id="rId1"/>
  <headerFooter alignWithMargins="0"/>
  <rowBreaks count="1" manualBreakCount="1">
    <brk id="27" max="1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２－２　経営組織別経営体数・漁船・海上作業従事者数</vt:lpstr>
      <vt:lpstr>'２－２　経営組織別経営体数・漁船・海上作業従事者数'!Print_Area</vt:lpstr>
      <vt:lpstr>'２－２　経営組織別経営体数・漁船・海上作業従事者数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1-10-14T01:54:07Z</cp:lastPrinted>
  <dcterms:created xsi:type="dcterms:W3CDTF">2016-06-28T05:07:25Z</dcterms:created>
  <dcterms:modified xsi:type="dcterms:W3CDTF">2021-10-14T01:54:22Z</dcterms:modified>
</cp:coreProperties>
</file>